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>
        <p:scale>
          <a:sx n="125" d="100"/>
          <a:sy n="125" d="100"/>
        </p:scale>
        <p:origin x="72" y="-1387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8/1/2022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E3A39F09-A91F-41D6-9B12-D2FB1020EC2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77266716"/>
              </p:ext>
            </p:extLst>
          </p:nvPr>
        </p:nvGraphicFramePr>
        <p:xfrm>
          <a:off x="5504946" y="5808028"/>
          <a:ext cx="4398012" cy="88392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99819">
                  <a:extLst>
                    <a:ext uri="{9D8B030D-6E8A-4147-A177-3AD203B41FA5}">
                      <a16:colId xmlns:a16="http://schemas.microsoft.com/office/drawing/2014/main" val="1735807248"/>
                    </a:ext>
                  </a:extLst>
                </a:gridCol>
                <a:gridCol w="378208">
                  <a:extLst>
                    <a:ext uri="{9D8B030D-6E8A-4147-A177-3AD203B41FA5}">
                      <a16:colId xmlns:a16="http://schemas.microsoft.com/office/drawing/2014/main" val="330805371"/>
                    </a:ext>
                  </a:extLst>
                </a:gridCol>
                <a:gridCol w="723997">
                  <a:extLst>
                    <a:ext uri="{9D8B030D-6E8A-4147-A177-3AD203B41FA5}">
                      <a16:colId xmlns:a16="http://schemas.microsoft.com/office/drawing/2014/main" val="2362023895"/>
                    </a:ext>
                  </a:extLst>
                </a:gridCol>
                <a:gridCol w="723997">
                  <a:extLst>
                    <a:ext uri="{9D8B030D-6E8A-4147-A177-3AD203B41FA5}">
                      <a16:colId xmlns:a16="http://schemas.microsoft.com/office/drawing/2014/main" val="180652985"/>
                    </a:ext>
                  </a:extLst>
                </a:gridCol>
                <a:gridCol w="723997">
                  <a:extLst>
                    <a:ext uri="{9D8B030D-6E8A-4147-A177-3AD203B41FA5}">
                      <a16:colId xmlns:a16="http://schemas.microsoft.com/office/drawing/2014/main" val="3092801305"/>
                    </a:ext>
                  </a:extLst>
                </a:gridCol>
                <a:gridCol w="723997">
                  <a:extLst>
                    <a:ext uri="{9D8B030D-6E8A-4147-A177-3AD203B41FA5}">
                      <a16:colId xmlns:a16="http://schemas.microsoft.com/office/drawing/2014/main" val="1453922536"/>
                    </a:ext>
                  </a:extLst>
                </a:gridCol>
                <a:gridCol w="723997">
                  <a:extLst>
                    <a:ext uri="{9D8B030D-6E8A-4147-A177-3AD203B41FA5}">
                      <a16:colId xmlns:a16="http://schemas.microsoft.com/office/drawing/2014/main" val="1875086976"/>
                    </a:ext>
                  </a:extLst>
                </a:gridCol>
              </a:tblGrid>
              <a:tr h="132680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1000" u="none" strike="noStrike">
                          <a:effectLst/>
                        </a:rPr>
                        <a:t> 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1000" u="none" strike="noStrike">
                          <a:effectLst/>
                        </a:rPr>
                        <a:t> 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GB" sz="1000" u="none" strike="noStrike" dirty="0">
                          <a:effectLst/>
                        </a:rPr>
                        <a:t>Perpetuity Growth Rate (%)</a:t>
                      </a:r>
                      <a:endParaRPr lang="en-GB" sz="1000" b="0" i="1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820928567"/>
                  </a:ext>
                </a:extLst>
              </a:tr>
              <a:tr h="108119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GB" sz="1000" u="none" strike="noStrike">
                          <a:effectLst/>
                        </a:rPr>
                        <a:t>WACC (%)</a:t>
                      </a:r>
                      <a:endParaRPr lang="en-GB" sz="10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vert="vert27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800" u="none" strike="noStrike">
                          <a:effectLst/>
                        </a:rPr>
                        <a:t> 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0.00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0.25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0.50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0.75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1.00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045988138"/>
                  </a:ext>
                </a:extLst>
              </a:tr>
              <a:tr h="10811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800" u="none" strike="noStrike">
                          <a:effectLst/>
                        </a:rPr>
                        <a:t>7.5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88 / 404c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905 / 412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923 / 421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943 / 431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964 / 442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998262244"/>
                  </a:ext>
                </a:extLst>
              </a:tr>
              <a:tr h="10811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800" u="none" strike="noStrike">
                          <a:effectLst/>
                        </a:rPr>
                        <a:t>8.0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30 / 374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44 / 382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59 / 389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75 / 397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93 / 406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4133187143"/>
                  </a:ext>
                </a:extLst>
              </a:tr>
              <a:tr h="10811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800" u="none" strike="noStrike">
                          <a:effectLst/>
                        </a:rPr>
                        <a:t>8.5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78 / 348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90 / 355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03 / 361c </a:t>
                      </a:r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17 / 368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31 / 375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248386350"/>
                  </a:ext>
                </a:extLst>
              </a:tr>
              <a:tr h="10811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800" u="none" strike="noStrike">
                          <a:effectLst/>
                        </a:rPr>
                        <a:t>9.0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32 / 325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43 / 331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54 / 336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65 / 342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78 / 348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921690244"/>
                  </a:ext>
                </a:extLst>
              </a:tr>
              <a:tr h="10811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800" u="none" strike="noStrike">
                          <a:effectLst/>
                        </a:rPr>
                        <a:t>9.5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691 / 305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00 / 309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10 / 314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20 / 319c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 dirty="0">
                          <a:effectLst/>
                        </a:rPr>
                        <a:t>730 / 324c </a:t>
                      </a:r>
                      <a:endParaRPr lang="en-GB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731678938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5C2D15B6-1F8B-4182-95E9-B33E6CE0D24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55499429"/>
              </p:ext>
            </p:extLst>
          </p:nvPr>
        </p:nvGraphicFramePr>
        <p:xfrm>
          <a:off x="795528" y="5597797"/>
          <a:ext cx="4288286" cy="12192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354196">
                  <a:extLst>
                    <a:ext uri="{9D8B030D-6E8A-4147-A177-3AD203B41FA5}">
                      <a16:colId xmlns:a16="http://schemas.microsoft.com/office/drawing/2014/main" val="2049215077"/>
                    </a:ext>
                  </a:extLst>
                </a:gridCol>
                <a:gridCol w="779126">
                  <a:extLst>
                    <a:ext uri="{9D8B030D-6E8A-4147-A177-3AD203B41FA5}">
                      <a16:colId xmlns:a16="http://schemas.microsoft.com/office/drawing/2014/main" val="62169937"/>
                    </a:ext>
                  </a:extLst>
                </a:gridCol>
                <a:gridCol w="779126">
                  <a:extLst>
                    <a:ext uri="{9D8B030D-6E8A-4147-A177-3AD203B41FA5}">
                      <a16:colId xmlns:a16="http://schemas.microsoft.com/office/drawing/2014/main" val="1736856626"/>
                    </a:ext>
                  </a:extLst>
                </a:gridCol>
                <a:gridCol w="769851">
                  <a:extLst>
                    <a:ext uri="{9D8B030D-6E8A-4147-A177-3AD203B41FA5}">
                      <a16:colId xmlns:a16="http://schemas.microsoft.com/office/drawing/2014/main" val="3704754710"/>
                    </a:ext>
                  </a:extLst>
                </a:gridCol>
                <a:gridCol w="605987">
                  <a:extLst>
                    <a:ext uri="{9D8B030D-6E8A-4147-A177-3AD203B41FA5}">
                      <a16:colId xmlns:a16="http://schemas.microsoft.com/office/drawing/2014/main" val="2756161134"/>
                    </a:ext>
                  </a:extLst>
                </a:gridCol>
              </a:tblGrid>
              <a:tr h="133866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Value Based on 8.5% WACC &amp; 0.5% TGR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1000" u="none" strike="noStrike">
                          <a:effectLst/>
                        </a:rPr>
                        <a:t>Amount ($m)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1000" u="none" strike="noStrike">
                          <a:effectLst/>
                        </a:rPr>
                        <a:t>% of NPV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508146862"/>
                  </a:ext>
                </a:extLst>
              </a:tr>
              <a:tr h="133866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 dirty="0">
                          <a:effectLst/>
                        </a:rPr>
                        <a:t>Present Value of Cashflows</a:t>
                      </a:r>
                      <a:endParaRPr lang="en-GB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409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50.9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365190267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PV of Terminal Value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394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49.1%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381953819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Implied Firm NPV</a:t>
                      </a:r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1000" u="none" strike="noStrike">
                          <a:effectLst/>
                        </a:rPr>
                        <a:t> </a:t>
                      </a:r>
                      <a:endParaRPr lang="en-GB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1000" u="none" strike="noStrike">
                          <a:effectLst/>
                        </a:rPr>
                        <a:t> </a:t>
                      </a:r>
                      <a:endParaRPr lang="en-GB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803 </a:t>
                      </a:r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100.0% </a:t>
                      </a:r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828567305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Net debt &amp; adjustments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(85)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53498386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Implied equity value</a:t>
                      </a:r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1000" u="none" strike="noStrike">
                          <a:effectLst/>
                        </a:rPr>
                        <a:t> </a:t>
                      </a:r>
                      <a:endParaRPr lang="en-GB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1000" u="none" strike="noStrike">
                          <a:effectLst/>
                        </a:rPr>
                        <a:t> </a:t>
                      </a:r>
                      <a:endParaRPr lang="en-GB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718 </a:t>
                      </a:r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 </a:t>
                      </a:r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2756835466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Implied share price ($c)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361 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GB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850316461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algn="l" fontAlgn="ctr"/>
                      <a:r>
                        <a:rPr lang="en-GB" sz="800" u="none" strike="noStrike">
                          <a:effectLst/>
                        </a:rPr>
                        <a:t>% premium to current</a:t>
                      </a:r>
                      <a:endParaRPr lang="en-GB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11430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800" u="none" strike="noStrike">
                          <a:effectLst/>
                        </a:rPr>
                        <a:t>118.8% </a:t>
                      </a:r>
                      <a:endParaRPr lang="en-GB" sz="8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GB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581558852"/>
                  </a:ext>
                </a:extLst>
              </a:tr>
            </a:tbl>
          </a:graphicData>
        </a:graphic>
      </p:graphicFrame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294B6E10-8AD9-4FF8-9FF5-BE0849886BC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240682724"/>
              </p:ext>
            </p:extLst>
          </p:nvPr>
        </p:nvGraphicFramePr>
        <p:xfrm>
          <a:off x="795527" y="1429248"/>
          <a:ext cx="9107421" cy="3869825"/>
        </p:xfrm>
        <a:graphic>
          <a:graphicData uri="http://schemas.openxmlformats.org/drawingml/2006/table">
            <a:tbl>
              <a:tblPr/>
              <a:tblGrid>
                <a:gridCol w="893005">
                  <a:extLst>
                    <a:ext uri="{9D8B030D-6E8A-4147-A177-3AD203B41FA5}">
                      <a16:colId xmlns:a16="http://schemas.microsoft.com/office/drawing/2014/main" val="3741579728"/>
                    </a:ext>
                  </a:extLst>
                </a:gridCol>
                <a:gridCol w="513783">
                  <a:extLst>
                    <a:ext uri="{9D8B030D-6E8A-4147-A177-3AD203B41FA5}">
                      <a16:colId xmlns:a16="http://schemas.microsoft.com/office/drawing/2014/main" val="2636144703"/>
                    </a:ext>
                  </a:extLst>
                </a:gridCol>
                <a:gridCol w="513783">
                  <a:extLst>
                    <a:ext uri="{9D8B030D-6E8A-4147-A177-3AD203B41FA5}">
                      <a16:colId xmlns:a16="http://schemas.microsoft.com/office/drawing/2014/main" val="1907718935"/>
                    </a:ext>
                  </a:extLst>
                </a:gridCol>
                <a:gridCol w="507669">
                  <a:extLst>
                    <a:ext uri="{9D8B030D-6E8A-4147-A177-3AD203B41FA5}">
                      <a16:colId xmlns:a16="http://schemas.microsoft.com/office/drawing/2014/main" val="1169975892"/>
                    </a:ext>
                  </a:extLst>
                </a:gridCol>
                <a:gridCol w="399608">
                  <a:extLst>
                    <a:ext uri="{9D8B030D-6E8A-4147-A177-3AD203B41FA5}">
                      <a16:colId xmlns:a16="http://schemas.microsoft.com/office/drawing/2014/main" val="285212896"/>
                    </a:ext>
                  </a:extLst>
                </a:gridCol>
                <a:gridCol w="220193">
                  <a:extLst>
                    <a:ext uri="{9D8B030D-6E8A-4147-A177-3AD203B41FA5}">
                      <a16:colId xmlns:a16="http://schemas.microsoft.com/office/drawing/2014/main" val="286578466"/>
                    </a:ext>
                  </a:extLst>
                </a:gridCol>
                <a:gridCol w="709509">
                  <a:extLst>
                    <a:ext uri="{9D8B030D-6E8A-4147-A177-3AD203B41FA5}">
                      <a16:colId xmlns:a16="http://schemas.microsoft.com/office/drawing/2014/main" val="4082605417"/>
                    </a:ext>
                  </a:extLst>
                </a:gridCol>
                <a:gridCol w="301745">
                  <a:extLst>
                    <a:ext uri="{9D8B030D-6E8A-4147-A177-3AD203B41FA5}">
                      <a16:colId xmlns:a16="http://schemas.microsoft.com/office/drawing/2014/main" val="2088972885"/>
                    </a:ext>
                  </a:extLst>
                </a:gridCol>
                <a:gridCol w="285434">
                  <a:extLst>
                    <a:ext uri="{9D8B030D-6E8A-4147-A177-3AD203B41FA5}">
                      <a16:colId xmlns:a16="http://schemas.microsoft.com/office/drawing/2014/main" val="1942585707"/>
                    </a:ext>
                  </a:extLst>
                </a:gridCol>
                <a:gridCol w="546405">
                  <a:extLst>
                    <a:ext uri="{9D8B030D-6E8A-4147-A177-3AD203B41FA5}">
                      <a16:colId xmlns:a16="http://schemas.microsoft.com/office/drawing/2014/main" val="710978188"/>
                    </a:ext>
                  </a:extLst>
                </a:gridCol>
                <a:gridCol w="546405">
                  <a:extLst>
                    <a:ext uri="{9D8B030D-6E8A-4147-A177-3AD203B41FA5}">
                      <a16:colId xmlns:a16="http://schemas.microsoft.com/office/drawing/2014/main" val="3549481407"/>
                    </a:ext>
                  </a:extLst>
                </a:gridCol>
                <a:gridCol w="546405">
                  <a:extLst>
                    <a:ext uri="{9D8B030D-6E8A-4147-A177-3AD203B41FA5}">
                      <a16:colId xmlns:a16="http://schemas.microsoft.com/office/drawing/2014/main" val="3736785442"/>
                    </a:ext>
                  </a:extLst>
                </a:gridCol>
                <a:gridCol w="546405">
                  <a:extLst>
                    <a:ext uri="{9D8B030D-6E8A-4147-A177-3AD203B41FA5}">
                      <a16:colId xmlns:a16="http://schemas.microsoft.com/office/drawing/2014/main" val="2626569640"/>
                    </a:ext>
                  </a:extLst>
                </a:gridCol>
                <a:gridCol w="546405">
                  <a:extLst>
                    <a:ext uri="{9D8B030D-6E8A-4147-A177-3AD203B41FA5}">
                      <a16:colId xmlns:a16="http://schemas.microsoft.com/office/drawing/2014/main" val="1315799569"/>
                    </a:ext>
                  </a:extLst>
                </a:gridCol>
                <a:gridCol w="546405">
                  <a:extLst>
                    <a:ext uri="{9D8B030D-6E8A-4147-A177-3AD203B41FA5}">
                      <a16:colId xmlns:a16="http://schemas.microsoft.com/office/drawing/2014/main" val="3839986673"/>
                    </a:ext>
                  </a:extLst>
                </a:gridCol>
                <a:gridCol w="546405">
                  <a:extLst>
                    <a:ext uri="{9D8B030D-6E8A-4147-A177-3AD203B41FA5}">
                      <a16:colId xmlns:a16="http://schemas.microsoft.com/office/drawing/2014/main" val="1765137113"/>
                    </a:ext>
                  </a:extLst>
                </a:gridCol>
                <a:gridCol w="546405">
                  <a:extLst>
                    <a:ext uri="{9D8B030D-6E8A-4147-A177-3AD203B41FA5}">
                      <a16:colId xmlns:a16="http://schemas.microsoft.com/office/drawing/2014/main" val="2393640578"/>
                    </a:ext>
                  </a:extLst>
                </a:gridCol>
                <a:gridCol w="391452">
                  <a:extLst>
                    <a:ext uri="{9D8B030D-6E8A-4147-A177-3AD203B41FA5}">
                      <a16:colId xmlns:a16="http://schemas.microsoft.com/office/drawing/2014/main" val="516055361"/>
                    </a:ext>
                  </a:extLst>
                </a:gridCol>
              </a:tblGrid>
              <a:tr h="154793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772768916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51943296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9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2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20785344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 dirty="0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55134399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47086342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36896275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28350595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64487778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31118529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 dirty="0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7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4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9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71163113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209410028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42165049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191600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501883685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18877349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88054158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4356333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60282870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13013244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00467297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7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01173547"/>
                  </a:ext>
                </a:extLst>
              </a:tr>
              <a:tr h="154793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51299364"/>
                  </a:ext>
                </a:extLst>
              </a:tr>
              <a:tr h="154793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40880545"/>
                  </a:ext>
                </a:extLst>
              </a:tr>
              <a:tr h="154793">
                <a:tc>
                  <a:txBody>
                    <a:bodyPr/>
                    <a:lstStyle/>
                    <a:p>
                      <a:pPr algn="l" fontAlgn="b"/>
                      <a:r>
                        <a:rPr lang="en-GB" sz="6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6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GB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464769150"/>
                  </a:ext>
                </a:extLst>
              </a:tr>
              <a:tr h="154793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6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GB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22107956"/>
                  </a:ext>
                </a:extLst>
              </a:tr>
            </a:tbl>
          </a:graphicData>
        </a:graphic>
      </p:graphicFrame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21</TotalTime>
  <Words>787</Words>
  <Application>Microsoft Office PowerPoint</Application>
  <PresentationFormat>Custom</PresentationFormat>
  <Paragraphs>392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Arial Narrow</vt:lpstr>
      <vt:lpstr>Calibr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Michael Ishak</cp:lastModifiedBy>
  <cp:revision>868</cp:revision>
  <cp:lastPrinted>2020-01-28T09:55:08Z</cp:lastPrinted>
  <dcterms:created xsi:type="dcterms:W3CDTF">2015-06-19T14:55:37Z</dcterms:created>
  <dcterms:modified xsi:type="dcterms:W3CDTF">2022-08-01T21:08:33Z</dcterms:modified>
</cp:coreProperties>
</file>